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9309\Desktop\入札関係\"/>
    </mc:Choice>
  </mc:AlternateContent>
  <xr:revisionPtr revIDLastSave="0" documentId="8_{5B556F16-50D4-4749-8BB5-160C81BDCEB1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端末" sheetId="3" r:id="rId1"/>
  </sheets>
  <definedNames>
    <definedName name="_xlnm.Print_Area" localSheetId="0">端末!$A$1:$W$23</definedName>
  </definedNames>
  <calcPr calcId="162913"/>
</workbook>
</file>

<file path=xl/sharedStrings.xml><?xml version="1.0" encoding="utf-8"?>
<sst xmlns="http://schemas.openxmlformats.org/spreadsheetml/2006/main" count="22" uniqueCount="22">
  <si>
    <t>ＦＡＸ：</t>
    <phoneticPr fontId="3"/>
  </si>
  <si>
    <t>件　　名</t>
    <rPh sb="0" eb="4">
      <t>ケンメイ</t>
    </rPh>
    <phoneticPr fontId="3"/>
  </si>
  <si>
    <t>品　　目</t>
    <rPh sb="0" eb="1">
      <t>ヒンメイ</t>
    </rPh>
    <rPh sb="3" eb="4">
      <t>メ</t>
    </rPh>
    <phoneticPr fontId="3"/>
  </si>
  <si>
    <t>メーカー</t>
    <phoneticPr fontId="3"/>
  </si>
  <si>
    <t>仕様確認申込書</t>
    <rPh sb="0" eb="2">
      <t>シヨウ</t>
    </rPh>
    <rPh sb="2" eb="4">
      <t>カクニン</t>
    </rPh>
    <rPh sb="4" eb="7">
      <t>モウシコミショ</t>
    </rPh>
    <phoneticPr fontId="3"/>
  </si>
  <si>
    <t>会社名：</t>
    <rPh sb="0" eb="2">
      <t>カイシャ</t>
    </rPh>
    <phoneticPr fontId="3"/>
  </si>
  <si>
    <t>担当者：</t>
    <phoneticPr fontId="3"/>
  </si>
  <si>
    <t>電話：</t>
    <rPh sb="0" eb="2">
      <t>デンワ</t>
    </rPh>
    <phoneticPr fontId="3"/>
  </si>
  <si>
    <t>型番等</t>
    <rPh sb="0" eb="2">
      <t>カタバン</t>
    </rPh>
    <rPh sb="2" eb="3">
      <t>トウ</t>
    </rPh>
    <phoneticPr fontId="3"/>
  </si>
  <si>
    <t>※カタログ等を添えて、入札説明書に記載の期日までに提出してください。</t>
    <phoneticPr fontId="3"/>
  </si>
  <si>
    <t>キーボード</t>
    <phoneticPr fontId="3"/>
  </si>
  <si>
    <t>端末</t>
    <rPh sb="0" eb="2">
      <t>タンマツ</t>
    </rPh>
    <phoneticPr fontId="3"/>
  </si>
  <si>
    <t>ＯＳ</t>
    <phoneticPr fontId="3"/>
  </si>
  <si>
    <t>ストレージ</t>
    <phoneticPr fontId="3"/>
  </si>
  <si>
    <t>メモリ</t>
    <phoneticPr fontId="3"/>
  </si>
  <si>
    <t>画面</t>
    <rPh sb="0" eb="2">
      <t>ガメン</t>
    </rPh>
    <phoneticPr fontId="3"/>
  </si>
  <si>
    <t>無線</t>
    <rPh sb="0" eb="2">
      <t>ムセン</t>
    </rPh>
    <phoneticPr fontId="3"/>
  </si>
  <si>
    <t>カメラ</t>
    <phoneticPr fontId="3"/>
  </si>
  <si>
    <t>音声接続端子</t>
    <rPh sb="0" eb="2">
      <t>オンセイ</t>
    </rPh>
    <rPh sb="2" eb="4">
      <t>セツゾク</t>
    </rPh>
    <rPh sb="4" eb="6">
      <t>タンシ</t>
    </rPh>
    <phoneticPr fontId="3"/>
  </si>
  <si>
    <t>外部接続端子</t>
    <rPh sb="0" eb="2">
      <t>ガイブ</t>
    </rPh>
    <rPh sb="2" eb="6">
      <t>セツゾクタンシ</t>
    </rPh>
    <phoneticPr fontId="3"/>
  </si>
  <si>
    <t>カバー</t>
    <phoneticPr fontId="3"/>
  </si>
  <si>
    <r>
      <t>令和６年度　県立川西北陵</t>
    </r>
    <r>
      <rPr>
        <b/>
        <sz val="12"/>
        <rFont val="ＭＳ ゴシック"/>
        <family val="3"/>
        <charset val="128"/>
      </rPr>
      <t>高等学校　ＢＹＯＤ端末調達</t>
    </r>
    <rPh sb="0" eb="2">
      <t>レイワ</t>
    </rPh>
    <rPh sb="3" eb="5">
      <t>ネンド</t>
    </rPh>
    <rPh sb="6" eb="8">
      <t>ケンリツ</t>
    </rPh>
    <rPh sb="8" eb="12">
      <t>カワニシホクリョウ</t>
    </rPh>
    <rPh sb="12" eb="14">
      <t>コウトウ</t>
    </rPh>
    <rPh sb="14" eb="16">
      <t>ガッコウ</t>
    </rPh>
    <rPh sb="21" eb="23">
      <t>タンマツ</t>
    </rPh>
    <rPh sb="23" eb="25">
      <t>チョウタ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Helv"/>
      <family val="2"/>
    </font>
    <font>
      <sz val="6"/>
      <name val="ＭＳ Ｐゴシック"/>
      <family val="3"/>
      <charset val="128"/>
    </font>
    <font>
      <b/>
      <sz val="2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2" fillId="0" borderId="0"/>
    <xf numFmtId="0" fontId="1" fillId="0" borderId="0"/>
  </cellStyleXfs>
  <cellXfs count="22">
    <xf numFmtId="0" fontId="0" fillId="0" borderId="0" xfId="0">
      <alignment vertical="center"/>
    </xf>
    <xf numFmtId="176" fontId="5" fillId="0" borderId="0" xfId="2" applyNumberFormat="1" applyFont="1" applyProtection="1">
      <protection locked="0"/>
    </xf>
    <xf numFmtId="176" fontId="5" fillId="0" borderId="0" xfId="2" applyNumberFormat="1" applyFont="1" applyAlignment="1" applyProtection="1">
      <alignment vertical="center"/>
      <protection locked="0"/>
    </xf>
    <xf numFmtId="176" fontId="6" fillId="0" borderId="0" xfId="2" applyNumberFormat="1" applyFont="1" applyBorder="1" applyAlignment="1" applyProtection="1">
      <alignment vertical="center"/>
      <protection locked="0"/>
    </xf>
    <xf numFmtId="176" fontId="5" fillId="0" borderId="0" xfId="2" applyNumberFormat="1" applyFont="1" applyAlignment="1" applyProtection="1">
      <alignment horizontal="left" vertical="center"/>
      <protection locked="0"/>
    </xf>
    <xf numFmtId="176" fontId="6" fillId="0" borderId="0" xfId="2" applyNumberFormat="1" applyFont="1" applyBorder="1" applyAlignment="1" applyProtection="1">
      <alignment vertical="center" shrinkToFit="1"/>
      <protection locked="0"/>
    </xf>
    <xf numFmtId="176" fontId="6" fillId="0" borderId="0" xfId="2" applyNumberFormat="1" applyFont="1" applyBorder="1" applyAlignment="1" applyProtection="1">
      <alignment vertical="center" wrapText="1"/>
      <protection locked="0"/>
    </xf>
    <xf numFmtId="176" fontId="6" fillId="0" borderId="0" xfId="2" applyNumberFormat="1" applyFont="1" applyAlignment="1" applyProtection="1">
      <alignment vertical="center" wrapText="1"/>
      <protection locked="0"/>
    </xf>
    <xf numFmtId="176" fontId="5" fillId="0" borderId="0" xfId="2" applyNumberFormat="1" applyFont="1" applyBorder="1" applyAlignment="1" applyProtection="1">
      <alignment vertical="center"/>
      <protection locked="0"/>
    </xf>
    <xf numFmtId="176" fontId="5" fillId="0" borderId="0" xfId="2" applyNumberFormat="1" applyFont="1" applyBorder="1" applyProtection="1">
      <protection locked="0"/>
    </xf>
    <xf numFmtId="176" fontId="4" fillId="0" borderId="0" xfId="2" applyNumberFormat="1" applyFont="1" applyAlignment="1" applyProtection="1">
      <alignment horizontal="center" vertical="center"/>
      <protection locked="0"/>
    </xf>
    <xf numFmtId="176" fontId="7" fillId="0" borderId="0" xfId="2" applyNumberFormat="1" applyFont="1" applyAlignment="1" applyProtection="1">
      <alignment horizontal="center" vertical="center"/>
      <protection locked="0"/>
    </xf>
    <xf numFmtId="176" fontId="4" fillId="0" borderId="0" xfId="2" applyNumberFormat="1" applyFont="1" applyAlignment="1" applyProtection="1">
      <alignment horizontal="center" vertical="center"/>
      <protection locked="0"/>
    </xf>
    <xf numFmtId="176" fontId="7" fillId="0" borderId="0" xfId="2" applyNumberFormat="1" applyFont="1" applyAlignment="1" applyProtection="1">
      <alignment horizontal="center" vertical="center"/>
      <protection locked="0"/>
    </xf>
    <xf numFmtId="0" fontId="7" fillId="0" borderId="1" xfId="0" applyFont="1" applyBorder="1" applyAlignment="1">
      <alignment horizontal="left" vertical="center"/>
    </xf>
    <xf numFmtId="0" fontId="7" fillId="0" borderId="5" xfId="0" applyFont="1" applyBorder="1" applyAlignment="1">
      <alignment horizontal="left" vertical="center"/>
    </xf>
    <xf numFmtId="176" fontId="5" fillId="0" borderId="4" xfId="2" applyNumberFormat="1" applyFont="1" applyBorder="1" applyAlignment="1" applyProtection="1">
      <alignment horizontal="center" vertical="center"/>
      <protection locked="0"/>
    </xf>
    <xf numFmtId="176" fontId="5" fillId="0" borderId="4" xfId="2" applyNumberFormat="1" applyFont="1" applyBorder="1" applyAlignment="1" applyProtection="1">
      <alignment horizontal="left" vertical="center"/>
      <protection locked="0"/>
    </xf>
    <xf numFmtId="176" fontId="5" fillId="0" borderId="7" xfId="2" applyNumberFormat="1" applyFont="1" applyBorder="1" applyAlignment="1" applyProtection="1">
      <alignment horizontal="center" vertical="center"/>
      <protection locked="0"/>
    </xf>
    <xf numFmtId="176" fontId="5" fillId="0" borderId="2" xfId="2" applyNumberFormat="1" applyFont="1" applyBorder="1" applyAlignment="1" applyProtection="1">
      <alignment horizontal="center" vertical="center" wrapText="1"/>
      <protection locked="0"/>
    </xf>
    <xf numFmtId="176" fontId="5" fillId="0" borderId="3" xfId="2" applyNumberFormat="1" applyFont="1" applyBorder="1" applyAlignment="1" applyProtection="1">
      <alignment horizontal="center" vertical="center" wrapText="1"/>
      <protection locked="0"/>
    </xf>
    <xf numFmtId="176" fontId="5" fillId="0" borderId="6" xfId="2" applyNumberFormat="1" applyFont="1" applyBorder="1" applyAlignment="1" applyProtection="1">
      <alignment horizontal="center" vertical="center" wrapText="1"/>
      <protection locked="0"/>
    </xf>
  </cellXfs>
  <cellStyles count="3">
    <cellStyle name="スタイル 1" xfId="1" xr:uid="{00000000-0005-0000-0000-000000000000}"/>
    <cellStyle name="標準" xfId="0" builtinId="0"/>
    <cellStyle name="標準_入札内訳書(用紙類）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W85"/>
  <sheetViews>
    <sheetView tabSelected="1" zoomScaleNormal="100" workbookViewId="0">
      <selection activeCell="E4" sqref="E4"/>
    </sheetView>
  </sheetViews>
  <sheetFormatPr defaultColWidth="9" defaultRowHeight="13.5" x14ac:dyDescent="0.15"/>
  <cols>
    <col min="1" max="23" width="3.75" style="1" customWidth="1"/>
    <col min="24" max="16384" width="9" style="1"/>
  </cols>
  <sheetData>
    <row r="1" spans="1:23" ht="60" customHeight="1" x14ac:dyDescent="0.15">
      <c r="A1" s="12" t="s">
        <v>4</v>
      </c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  <c r="Q1" s="12"/>
      <c r="R1" s="12"/>
      <c r="S1" s="12"/>
      <c r="T1" s="12"/>
      <c r="U1" s="12"/>
      <c r="V1" s="12"/>
      <c r="W1" s="12"/>
    </row>
    <row r="2" spans="1:23" ht="22.5" customHeight="1" x14ac:dyDescent="0.15">
      <c r="A2" s="10"/>
      <c r="B2" s="10"/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0"/>
      <c r="U2" s="10"/>
      <c r="V2" s="10"/>
      <c r="W2" s="10"/>
    </row>
    <row r="3" spans="1:23" ht="42.75" customHeight="1" x14ac:dyDescent="0.15">
      <c r="A3" s="13" t="s">
        <v>1</v>
      </c>
      <c r="B3" s="13"/>
      <c r="C3" s="13"/>
      <c r="D3" s="13"/>
      <c r="E3" s="3" t="s">
        <v>21</v>
      </c>
      <c r="F3" s="3"/>
      <c r="G3" s="3"/>
      <c r="H3" s="3"/>
      <c r="I3" s="3"/>
      <c r="J3" s="3"/>
      <c r="K3" s="3"/>
      <c r="L3" s="5"/>
      <c r="M3" s="6"/>
      <c r="N3" s="6"/>
      <c r="O3" s="6"/>
      <c r="P3" s="6"/>
      <c r="Q3" s="6"/>
      <c r="R3" s="6"/>
      <c r="S3" s="6"/>
      <c r="T3" s="6"/>
      <c r="U3" s="6"/>
      <c r="V3" s="6"/>
      <c r="W3" s="7"/>
    </row>
    <row r="4" spans="1:23" ht="19.5" customHeight="1" x14ac:dyDescent="0.15">
      <c r="A4" s="11"/>
      <c r="B4" s="11"/>
      <c r="C4" s="11"/>
      <c r="D4" s="11"/>
      <c r="E4" s="3"/>
      <c r="F4" s="3"/>
      <c r="G4" s="3"/>
      <c r="H4" s="3"/>
      <c r="I4" s="3"/>
      <c r="J4" s="3"/>
      <c r="K4" s="3"/>
      <c r="L4" s="5"/>
      <c r="M4" s="6"/>
      <c r="N4" s="6"/>
      <c r="O4" s="6"/>
      <c r="P4" s="6"/>
      <c r="Q4" s="6"/>
      <c r="R4" s="6"/>
      <c r="S4" s="6"/>
      <c r="T4" s="6"/>
      <c r="U4" s="6"/>
      <c r="V4" s="6"/>
      <c r="W4" s="7"/>
    </row>
    <row r="5" spans="1:23" ht="19.5" customHeight="1" x14ac:dyDescent="0.15">
      <c r="A5" s="11"/>
      <c r="B5" s="11"/>
      <c r="C5" s="11"/>
      <c r="D5" s="11"/>
      <c r="E5" s="3"/>
      <c r="F5" s="3"/>
      <c r="G5" s="3"/>
      <c r="H5" s="3"/>
      <c r="I5" s="3"/>
      <c r="J5" s="3"/>
      <c r="K5" s="3"/>
      <c r="L5" s="5"/>
      <c r="M5" s="14" t="s">
        <v>5</v>
      </c>
      <c r="N5" s="14"/>
      <c r="O5" s="14"/>
      <c r="P5" s="14"/>
      <c r="Q5" s="14"/>
      <c r="R5" s="14"/>
      <c r="S5" s="14"/>
      <c r="T5" s="14"/>
      <c r="U5" s="14"/>
      <c r="V5" s="14"/>
      <c r="W5" s="14"/>
    </row>
    <row r="6" spans="1:23" ht="19.5" customHeight="1" x14ac:dyDescent="0.15">
      <c r="A6" s="11"/>
      <c r="B6" s="11"/>
      <c r="C6" s="11"/>
      <c r="D6" s="11"/>
      <c r="E6" s="3"/>
      <c r="F6" s="3"/>
      <c r="G6" s="3"/>
      <c r="H6" s="3"/>
      <c r="I6" s="3"/>
      <c r="J6" s="3"/>
      <c r="K6" s="3"/>
      <c r="L6" s="5"/>
      <c r="M6" s="15" t="s">
        <v>6</v>
      </c>
      <c r="N6" s="15"/>
      <c r="O6" s="15"/>
      <c r="P6" s="15"/>
      <c r="Q6" s="15"/>
      <c r="R6" s="15"/>
      <c r="S6" s="15"/>
      <c r="T6" s="15"/>
      <c r="U6" s="15"/>
      <c r="V6" s="15"/>
      <c r="W6" s="15"/>
    </row>
    <row r="7" spans="1:23" ht="19.5" customHeight="1" x14ac:dyDescent="0.15">
      <c r="A7" s="11"/>
      <c r="B7" s="11"/>
      <c r="C7" s="11"/>
      <c r="D7" s="11"/>
      <c r="E7" s="3"/>
      <c r="F7" s="3"/>
      <c r="G7" s="3"/>
      <c r="H7" s="3"/>
      <c r="I7" s="3"/>
      <c r="J7" s="3"/>
      <c r="K7" s="3"/>
      <c r="L7" s="5"/>
      <c r="M7" s="15" t="s">
        <v>7</v>
      </c>
      <c r="N7" s="15"/>
      <c r="O7" s="15"/>
      <c r="P7" s="15"/>
      <c r="Q7" s="15"/>
      <c r="R7" s="15"/>
      <c r="S7" s="15"/>
      <c r="T7" s="15"/>
      <c r="U7" s="15"/>
      <c r="V7" s="15"/>
      <c r="W7" s="15"/>
    </row>
    <row r="8" spans="1:23" ht="19.5" customHeight="1" x14ac:dyDescent="0.15">
      <c r="A8" s="11"/>
      <c r="B8" s="11"/>
      <c r="C8" s="11"/>
      <c r="D8" s="11"/>
      <c r="E8" s="3"/>
      <c r="F8" s="3"/>
      <c r="G8" s="3"/>
      <c r="H8" s="3"/>
      <c r="I8" s="3"/>
      <c r="J8" s="3"/>
      <c r="K8" s="3"/>
      <c r="L8" s="5"/>
      <c r="M8" s="15" t="s">
        <v>0</v>
      </c>
      <c r="N8" s="15"/>
      <c r="O8" s="15"/>
      <c r="P8" s="15"/>
      <c r="Q8" s="15"/>
      <c r="R8" s="15"/>
      <c r="S8" s="15"/>
      <c r="T8" s="15"/>
      <c r="U8" s="15"/>
      <c r="V8" s="15"/>
      <c r="W8" s="15"/>
    </row>
    <row r="9" spans="1:23" s="9" customFormat="1" ht="27" customHeight="1" x14ac:dyDescent="0.15">
      <c r="A9" s="8"/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8"/>
      <c r="U9" s="8"/>
      <c r="V9" s="8"/>
      <c r="W9" s="8"/>
    </row>
    <row r="10" spans="1:23" s="9" customFormat="1" ht="27" customHeight="1" x14ac:dyDescent="0.15">
      <c r="A10" s="18" t="s">
        <v>2</v>
      </c>
      <c r="B10" s="18"/>
      <c r="C10" s="18"/>
      <c r="D10" s="18"/>
      <c r="E10" s="18"/>
      <c r="F10" s="19" t="s">
        <v>11</v>
      </c>
      <c r="G10" s="20"/>
      <c r="H10" s="20"/>
      <c r="I10" s="20"/>
      <c r="J10" s="21"/>
      <c r="K10" s="8"/>
      <c r="L10" s="8"/>
      <c r="M10" s="8"/>
      <c r="N10" s="8"/>
      <c r="O10" s="8"/>
      <c r="P10" s="8"/>
      <c r="Q10" s="8"/>
      <c r="R10" s="8"/>
      <c r="S10" s="8"/>
      <c r="T10" s="8"/>
      <c r="U10" s="8"/>
      <c r="V10" s="8"/>
      <c r="W10" s="8"/>
    </row>
    <row r="11" spans="1:23" s="9" customFormat="1" ht="27" customHeight="1" x14ac:dyDescent="0.15">
      <c r="A11" s="16" t="s">
        <v>3</v>
      </c>
      <c r="B11" s="16"/>
      <c r="C11" s="16"/>
      <c r="D11" s="16"/>
      <c r="E11" s="16"/>
      <c r="F11" s="17"/>
      <c r="G11" s="17"/>
      <c r="H11" s="17"/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T11" s="17"/>
      <c r="U11" s="17"/>
      <c r="V11" s="17"/>
      <c r="W11" s="17"/>
    </row>
    <row r="12" spans="1:23" s="9" customFormat="1" ht="27" customHeight="1" x14ac:dyDescent="0.15">
      <c r="A12" s="16" t="s">
        <v>8</v>
      </c>
      <c r="B12" s="16"/>
      <c r="C12" s="16"/>
      <c r="D12" s="16"/>
      <c r="E12" s="16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7"/>
      <c r="V12" s="17"/>
      <c r="W12" s="17"/>
    </row>
    <row r="13" spans="1:23" s="9" customFormat="1" ht="27" customHeight="1" x14ac:dyDescent="0.15">
      <c r="A13" s="16" t="s">
        <v>12</v>
      </c>
      <c r="B13" s="16"/>
      <c r="C13" s="16"/>
      <c r="D13" s="16"/>
      <c r="E13" s="16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</row>
    <row r="14" spans="1:23" s="9" customFormat="1" ht="27" customHeight="1" x14ac:dyDescent="0.15">
      <c r="A14" s="16" t="s">
        <v>13</v>
      </c>
      <c r="B14" s="16"/>
      <c r="C14" s="16"/>
      <c r="D14" s="16"/>
      <c r="E14" s="16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</row>
    <row r="15" spans="1:23" s="9" customFormat="1" ht="27" customHeight="1" x14ac:dyDescent="0.15">
      <c r="A15" s="16" t="s">
        <v>14</v>
      </c>
      <c r="B15" s="16"/>
      <c r="C15" s="16"/>
      <c r="D15" s="16"/>
      <c r="E15" s="16"/>
      <c r="F15" s="17"/>
      <c r="G15" s="17"/>
      <c r="H15" s="17"/>
      <c r="I15" s="17"/>
      <c r="J15" s="17"/>
      <c r="K15" s="17"/>
      <c r="L15" s="17"/>
      <c r="M15" s="17"/>
      <c r="N15" s="17"/>
      <c r="O15" s="17"/>
      <c r="P15" s="17"/>
      <c r="Q15" s="17"/>
      <c r="R15" s="17"/>
      <c r="S15" s="17"/>
      <c r="T15" s="17"/>
      <c r="U15" s="17"/>
      <c r="V15" s="17"/>
      <c r="W15" s="17"/>
    </row>
    <row r="16" spans="1:23" s="9" customFormat="1" ht="27" customHeight="1" x14ac:dyDescent="0.15">
      <c r="A16" s="16" t="s">
        <v>15</v>
      </c>
      <c r="B16" s="16"/>
      <c r="C16" s="16"/>
      <c r="D16" s="16"/>
      <c r="E16" s="16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</row>
    <row r="17" spans="1:23" s="9" customFormat="1" ht="27" customHeight="1" x14ac:dyDescent="0.15">
      <c r="A17" s="16" t="s">
        <v>16</v>
      </c>
      <c r="B17" s="16"/>
      <c r="C17" s="16"/>
      <c r="D17" s="16"/>
      <c r="E17" s="16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</row>
    <row r="18" spans="1:23" s="9" customFormat="1" ht="27" customHeight="1" x14ac:dyDescent="0.15">
      <c r="A18" s="16" t="s">
        <v>10</v>
      </c>
      <c r="B18" s="16"/>
      <c r="C18" s="16"/>
      <c r="D18" s="16"/>
      <c r="E18" s="16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</row>
    <row r="19" spans="1:23" s="9" customFormat="1" ht="27" customHeight="1" x14ac:dyDescent="0.15">
      <c r="A19" s="16" t="s">
        <v>17</v>
      </c>
      <c r="B19" s="16"/>
      <c r="C19" s="16"/>
      <c r="D19" s="16"/>
      <c r="E19" s="16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</row>
    <row r="20" spans="1:23" s="9" customFormat="1" ht="27" customHeight="1" x14ac:dyDescent="0.15">
      <c r="A20" s="16" t="s">
        <v>18</v>
      </c>
      <c r="B20" s="16"/>
      <c r="C20" s="16"/>
      <c r="D20" s="16"/>
      <c r="E20" s="16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</row>
    <row r="21" spans="1:23" s="9" customFormat="1" ht="27" customHeight="1" x14ac:dyDescent="0.15">
      <c r="A21" s="16" t="s">
        <v>19</v>
      </c>
      <c r="B21" s="16"/>
      <c r="C21" s="16"/>
      <c r="D21" s="16"/>
      <c r="E21" s="16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</row>
    <row r="22" spans="1:23" s="9" customFormat="1" ht="27" customHeight="1" x14ac:dyDescent="0.15">
      <c r="A22" s="16" t="s">
        <v>20</v>
      </c>
      <c r="B22" s="16"/>
      <c r="C22" s="16"/>
      <c r="D22" s="16"/>
      <c r="E22" s="16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</row>
    <row r="23" spans="1:23" ht="27" customHeight="1" x14ac:dyDescent="0.15">
      <c r="A23" s="4" t="s">
        <v>9</v>
      </c>
      <c r="B23" s="4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</row>
    <row r="24" spans="1:23" ht="27" customHeight="1" x14ac:dyDescent="0.15">
      <c r="A24" s="4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</row>
    <row r="25" spans="1:23" x14ac:dyDescent="0.15">
      <c r="A25" s="2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</row>
    <row r="26" spans="1:23" x14ac:dyDescent="0.15">
      <c r="A26" s="2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</row>
    <row r="27" spans="1:23" x14ac:dyDescent="0.15">
      <c r="A27" s="2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</row>
    <row r="28" spans="1:23" x14ac:dyDescent="0.15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</row>
    <row r="29" spans="1:23" x14ac:dyDescent="0.15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</row>
    <row r="30" spans="1:23" x14ac:dyDescent="0.15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</row>
    <row r="31" spans="1:23" x14ac:dyDescent="0.15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</row>
    <row r="32" spans="1:23" x14ac:dyDescent="0.15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</row>
    <row r="33" spans="1:23" x14ac:dyDescent="0.1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</row>
    <row r="34" spans="1:23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</row>
    <row r="35" spans="1:23" x14ac:dyDescent="0.1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</row>
    <row r="36" spans="1:23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</row>
    <row r="37" spans="1:23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</row>
    <row r="38" spans="1:23" x14ac:dyDescent="0.15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</row>
    <row r="39" spans="1:23" x14ac:dyDescent="0.1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</row>
    <row r="40" spans="1:23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</row>
    <row r="41" spans="1:23" x14ac:dyDescent="0.1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</row>
    <row r="42" spans="1:23" x14ac:dyDescent="0.15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</row>
    <row r="43" spans="1:23" x14ac:dyDescent="0.15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</row>
    <row r="44" spans="1:23" x14ac:dyDescent="0.15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</row>
    <row r="45" spans="1:23" x14ac:dyDescent="0.15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</row>
    <row r="46" spans="1:23" x14ac:dyDescent="0.15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</row>
    <row r="47" spans="1:23" x14ac:dyDescent="0.15">
      <c r="A47" s="2"/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</row>
    <row r="48" spans="1:23" x14ac:dyDescent="0.15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</row>
    <row r="49" spans="1:23" x14ac:dyDescent="0.15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</row>
    <row r="50" spans="1:23" x14ac:dyDescent="0.15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</row>
    <row r="51" spans="1:23" x14ac:dyDescent="0.15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</row>
    <row r="52" spans="1:23" x14ac:dyDescent="0.15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</row>
    <row r="53" spans="1:23" x14ac:dyDescent="0.15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</row>
    <row r="54" spans="1:23" x14ac:dyDescent="0.15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</row>
    <row r="55" spans="1:23" x14ac:dyDescent="0.15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</row>
    <row r="56" spans="1:23" x14ac:dyDescent="0.15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</row>
    <row r="57" spans="1:23" x14ac:dyDescent="0.15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</row>
    <row r="58" spans="1:23" x14ac:dyDescent="0.15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</row>
    <row r="59" spans="1:23" x14ac:dyDescent="0.15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</row>
    <row r="60" spans="1:23" x14ac:dyDescent="0.15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</row>
    <row r="61" spans="1:23" x14ac:dyDescent="0.15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</row>
    <row r="62" spans="1:23" x14ac:dyDescent="0.15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</row>
    <row r="63" spans="1:23" x14ac:dyDescent="0.15">
      <c r="A63" s="2"/>
      <c r="B63" s="2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</row>
    <row r="64" spans="1:23" x14ac:dyDescent="0.15">
      <c r="A64" s="2"/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</row>
    <row r="65" spans="1:23" x14ac:dyDescent="0.15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</row>
    <row r="66" spans="1:23" x14ac:dyDescent="0.15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</row>
    <row r="67" spans="1:23" x14ac:dyDescent="0.15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</row>
    <row r="68" spans="1:23" x14ac:dyDescent="0.15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</row>
    <row r="69" spans="1:23" x14ac:dyDescent="0.15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</row>
    <row r="70" spans="1:23" x14ac:dyDescent="0.15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</row>
    <row r="71" spans="1:23" x14ac:dyDescent="0.15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</row>
    <row r="72" spans="1:23" x14ac:dyDescent="0.15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</row>
    <row r="73" spans="1:23" x14ac:dyDescent="0.15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</row>
    <row r="74" spans="1:23" x14ac:dyDescent="0.15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</row>
    <row r="75" spans="1:23" x14ac:dyDescent="0.15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</row>
    <row r="76" spans="1:23" x14ac:dyDescent="0.15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</row>
    <row r="77" spans="1:23" x14ac:dyDescent="0.15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</row>
    <row r="78" spans="1:23" x14ac:dyDescent="0.15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</row>
    <row r="79" spans="1:23" x14ac:dyDescent="0.15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</row>
    <row r="80" spans="1:23" x14ac:dyDescent="0.15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</row>
    <row r="81" spans="1:23" x14ac:dyDescent="0.15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</row>
    <row r="82" spans="1:23" x14ac:dyDescent="0.15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</row>
    <row r="83" spans="1:23" x14ac:dyDescent="0.15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</row>
    <row r="84" spans="1:23" x14ac:dyDescent="0.15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</row>
    <row r="85" spans="1:23" x14ac:dyDescent="0.15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</row>
  </sheetData>
  <mergeCells count="32">
    <mergeCell ref="F15:W15"/>
    <mergeCell ref="A21:E21"/>
    <mergeCell ref="F21:W21"/>
    <mergeCell ref="A22:E22"/>
    <mergeCell ref="F22:W22"/>
    <mergeCell ref="A18:E18"/>
    <mergeCell ref="F18:W18"/>
    <mergeCell ref="A19:E19"/>
    <mergeCell ref="F19:W19"/>
    <mergeCell ref="A20:E20"/>
    <mergeCell ref="F20:W20"/>
    <mergeCell ref="A16:E16"/>
    <mergeCell ref="F16:W16"/>
    <mergeCell ref="A17:E17"/>
    <mergeCell ref="F17:W17"/>
    <mergeCell ref="A15:E15"/>
    <mergeCell ref="M8:W8"/>
    <mergeCell ref="A10:E10"/>
    <mergeCell ref="F10:J10"/>
    <mergeCell ref="A11:E11"/>
    <mergeCell ref="F11:W11"/>
    <mergeCell ref="A12:E12"/>
    <mergeCell ref="F12:W12"/>
    <mergeCell ref="A13:E13"/>
    <mergeCell ref="F13:W13"/>
    <mergeCell ref="A14:E14"/>
    <mergeCell ref="F14:W14"/>
    <mergeCell ref="A1:W1"/>
    <mergeCell ref="A3:D3"/>
    <mergeCell ref="M5:W5"/>
    <mergeCell ref="M6:W6"/>
    <mergeCell ref="M7:W7"/>
  </mergeCells>
  <phoneticPr fontId="3"/>
  <printOptions horizontalCentered="1" verticalCentered="1"/>
  <pageMargins left="0.78740157480314965" right="0.78740157480314965" top="0.78740157480314965" bottom="0.78740157480314965" header="0" footer="0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端末</vt:lpstr>
      <vt:lpstr>端末!Print_Area</vt:lpstr>
    </vt:vector>
  </TitlesOfParts>
  <Company>兵庫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</dc:creator>
  <cp:lastModifiedBy>小倉　隆志</cp:lastModifiedBy>
  <cp:lastPrinted>2022-08-23T04:11:26Z</cp:lastPrinted>
  <dcterms:created xsi:type="dcterms:W3CDTF">2009-02-13T14:01:14Z</dcterms:created>
  <dcterms:modified xsi:type="dcterms:W3CDTF">2023-11-30T00:19:19Z</dcterms:modified>
</cp:coreProperties>
</file>